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1\HP2311\"/>
    </mc:Choice>
  </mc:AlternateContent>
  <xr:revisionPtr revIDLastSave="0" documentId="8_{61BEB0D6-7AE2-45BF-8609-34DAABCAD85C}" xr6:coauthVersionLast="47" xr6:coauthVersionMax="47" xr10:uidLastSave="{00000000-0000-0000-0000-000000000000}"/>
  <bookViews>
    <workbookView xWindow="-108" yWindow="-108" windowWidth="23256" windowHeight="12576" xr2:uid="{E2D4D932-6CB4-4291-BEBA-C31D69DC8716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1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5B97A89E-4D6B-4426-A8BC-6B0C53358F5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670DE9-EA12-4CCB-B92C-9CF34F58C9B6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1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390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6815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48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8326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 x14ac:dyDescent="0.2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 x14ac:dyDescent="0.2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 x14ac:dyDescent="0.2">
      <c r="A22" s="54">
        <v>5</v>
      </c>
      <c r="B22" s="55">
        <v>101</v>
      </c>
      <c r="C22" s="55">
        <v>111</v>
      </c>
      <c r="D22" s="56">
        <v>212</v>
      </c>
      <c r="E22" s="55">
        <v>220</v>
      </c>
      <c r="F22" s="55">
        <v>244</v>
      </c>
      <c r="G22" s="56">
        <v>464</v>
      </c>
      <c r="H22" s="56">
        <v>-252</v>
      </c>
      <c r="I22" s="55">
        <v>321</v>
      </c>
      <c r="J22" s="55">
        <v>114</v>
      </c>
      <c r="K22" s="55">
        <v>122</v>
      </c>
      <c r="L22" s="56">
        <v>236</v>
      </c>
      <c r="M22" s="55">
        <v>476</v>
      </c>
      <c r="N22" s="55">
        <v>404</v>
      </c>
      <c r="O22" s="55">
        <v>277</v>
      </c>
      <c r="P22" s="56">
        <v>681</v>
      </c>
      <c r="Q22" s="56">
        <v>917</v>
      </c>
      <c r="R22" s="55">
        <v>416</v>
      </c>
      <c r="S22" s="55">
        <v>147</v>
      </c>
      <c r="T22" s="55">
        <v>137</v>
      </c>
      <c r="U22" s="56">
        <v>284</v>
      </c>
      <c r="V22" s="55">
        <v>311</v>
      </c>
      <c r="W22" s="55">
        <v>337</v>
      </c>
      <c r="X22" s="55">
        <v>250</v>
      </c>
      <c r="Y22" s="56">
        <v>587</v>
      </c>
      <c r="Z22" s="56">
        <v>871</v>
      </c>
      <c r="AA22" s="56">
        <v>46</v>
      </c>
      <c r="AB22" s="56">
        <v>-206</v>
      </c>
      <c r="AC22" s="57">
        <v>184756</v>
      </c>
      <c r="AD22" s="57">
        <v>198851</v>
      </c>
      <c r="AE22" s="57">
        <v>208733</v>
      </c>
      <c r="AF22" s="58">
        <v>407584</v>
      </c>
    </row>
    <row r="23" spans="1:32" s="64" customFormat="1" ht="20.100000000000001" customHeight="1" x14ac:dyDescent="0.2">
      <c r="A23" s="59">
        <v>6</v>
      </c>
      <c r="B23" s="60">
        <v>107</v>
      </c>
      <c r="C23" s="60">
        <v>90</v>
      </c>
      <c r="D23" s="61">
        <v>197</v>
      </c>
      <c r="E23" s="60">
        <v>191</v>
      </c>
      <c r="F23" s="60">
        <v>217</v>
      </c>
      <c r="G23" s="61">
        <v>408</v>
      </c>
      <c r="H23" s="61">
        <v>-211</v>
      </c>
      <c r="I23" s="60">
        <v>305</v>
      </c>
      <c r="J23" s="60">
        <v>95</v>
      </c>
      <c r="K23" s="60">
        <v>93</v>
      </c>
      <c r="L23" s="61">
        <v>188</v>
      </c>
      <c r="M23" s="60">
        <v>387</v>
      </c>
      <c r="N23" s="60">
        <v>342</v>
      </c>
      <c r="O23" s="60">
        <v>235</v>
      </c>
      <c r="P23" s="61">
        <v>577</v>
      </c>
      <c r="Q23" s="61">
        <v>765</v>
      </c>
      <c r="R23" s="60">
        <v>377</v>
      </c>
      <c r="S23" s="60">
        <v>121</v>
      </c>
      <c r="T23" s="60">
        <v>92</v>
      </c>
      <c r="U23" s="61">
        <v>213</v>
      </c>
      <c r="V23" s="60">
        <v>255</v>
      </c>
      <c r="W23" s="60">
        <v>257</v>
      </c>
      <c r="X23" s="60">
        <v>174</v>
      </c>
      <c r="Y23" s="61">
        <v>431</v>
      </c>
      <c r="Z23" s="61">
        <v>644</v>
      </c>
      <c r="AA23" s="61">
        <v>121</v>
      </c>
      <c r="AB23" s="61">
        <v>-90</v>
      </c>
      <c r="AC23" s="62">
        <v>184816</v>
      </c>
      <c r="AD23" s="62">
        <v>198826</v>
      </c>
      <c r="AE23" s="62">
        <v>208668</v>
      </c>
      <c r="AF23" s="63">
        <v>407494</v>
      </c>
    </row>
    <row r="24" spans="1:32" ht="20.100000000000001" customHeight="1" x14ac:dyDescent="0.2">
      <c r="A24" s="54">
        <v>7</v>
      </c>
      <c r="B24" s="55">
        <v>117</v>
      </c>
      <c r="C24" s="55">
        <v>112</v>
      </c>
      <c r="D24" s="56">
        <v>229</v>
      </c>
      <c r="E24" s="55">
        <v>179</v>
      </c>
      <c r="F24" s="55">
        <v>199</v>
      </c>
      <c r="G24" s="56">
        <v>378</v>
      </c>
      <c r="H24" s="56">
        <v>-149</v>
      </c>
      <c r="I24" s="55">
        <v>347</v>
      </c>
      <c r="J24" s="55">
        <v>120</v>
      </c>
      <c r="K24" s="55">
        <v>121</v>
      </c>
      <c r="L24" s="56">
        <v>241</v>
      </c>
      <c r="M24" s="55">
        <v>461</v>
      </c>
      <c r="N24" s="55">
        <v>401</v>
      </c>
      <c r="O24" s="55">
        <v>253</v>
      </c>
      <c r="P24" s="56">
        <v>654</v>
      </c>
      <c r="Q24" s="56">
        <v>895</v>
      </c>
      <c r="R24" s="55">
        <v>331</v>
      </c>
      <c r="S24" s="55">
        <v>96</v>
      </c>
      <c r="T24" s="55">
        <v>93</v>
      </c>
      <c r="U24" s="56">
        <v>189</v>
      </c>
      <c r="V24" s="55">
        <v>304</v>
      </c>
      <c r="W24" s="55">
        <v>329</v>
      </c>
      <c r="X24" s="55">
        <v>236</v>
      </c>
      <c r="Y24" s="56">
        <v>565</v>
      </c>
      <c r="Z24" s="56">
        <v>754</v>
      </c>
      <c r="AA24" s="56">
        <v>141</v>
      </c>
      <c r="AB24" s="56">
        <v>-8</v>
      </c>
      <c r="AC24" s="57">
        <v>184989</v>
      </c>
      <c r="AD24" s="57">
        <v>198860</v>
      </c>
      <c r="AE24" s="57">
        <v>208626</v>
      </c>
      <c r="AF24" s="58">
        <v>407486</v>
      </c>
    </row>
    <row r="25" spans="1:32" ht="20.100000000000001" customHeight="1" x14ac:dyDescent="0.2">
      <c r="A25" s="54">
        <v>8</v>
      </c>
      <c r="B25" s="55">
        <v>133</v>
      </c>
      <c r="C25" s="55">
        <v>99</v>
      </c>
      <c r="D25" s="56">
        <v>232</v>
      </c>
      <c r="E25" s="55">
        <v>229</v>
      </c>
      <c r="F25" s="55">
        <v>222</v>
      </c>
      <c r="G25" s="56">
        <v>451</v>
      </c>
      <c r="H25" s="56">
        <v>-219</v>
      </c>
      <c r="I25" s="55">
        <v>352</v>
      </c>
      <c r="J25" s="55">
        <v>121</v>
      </c>
      <c r="K25" s="55">
        <v>132</v>
      </c>
      <c r="L25" s="56">
        <v>253</v>
      </c>
      <c r="M25" s="55">
        <v>451</v>
      </c>
      <c r="N25" s="55">
        <v>368</v>
      </c>
      <c r="O25" s="55">
        <v>280</v>
      </c>
      <c r="P25" s="56">
        <v>648</v>
      </c>
      <c r="Q25" s="56">
        <v>901</v>
      </c>
      <c r="R25" s="55">
        <v>399</v>
      </c>
      <c r="S25" s="55">
        <v>129</v>
      </c>
      <c r="T25" s="55">
        <v>101</v>
      </c>
      <c r="U25" s="56">
        <v>230</v>
      </c>
      <c r="V25" s="55">
        <v>362</v>
      </c>
      <c r="W25" s="55">
        <v>398</v>
      </c>
      <c r="X25" s="55">
        <v>252</v>
      </c>
      <c r="Y25" s="56">
        <v>650</v>
      </c>
      <c r="Z25" s="56">
        <v>880</v>
      </c>
      <c r="AA25" s="56">
        <v>21</v>
      </c>
      <c r="AB25" s="56">
        <v>-198</v>
      </c>
      <c r="AC25" s="57">
        <v>185031</v>
      </c>
      <c r="AD25" s="57">
        <v>198726</v>
      </c>
      <c r="AE25" s="57">
        <v>208562</v>
      </c>
      <c r="AF25" s="58">
        <v>407288</v>
      </c>
    </row>
    <row r="26" spans="1:32" ht="20.100000000000001" customHeight="1" x14ac:dyDescent="0.2">
      <c r="A26" s="54">
        <v>9</v>
      </c>
      <c r="B26" s="55">
        <v>107</v>
      </c>
      <c r="C26" s="55">
        <v>110</v>
      </c>
      <c r="D26" s="56">
        <v>217</v>
      </c>
      <c r="E26" s="55">
        <v>222</v>
      </c>
      <c r="F26" s="55">
        <v>220</v>
      </c>
      <c r="G26" s="56">
        <v>442</v>
      </c>
      <c r="H26" s="56">
        <v>-225</v>
      </c>
      <c r="I26" s="55">
        <v>324</v>
      </c>
      <c r="J26" s="55">
        <v>115</v>
      </c>
      <c r="K26" s="55">
        <v>94</v>
      </c>
      <c r="L26" s="56">
        <v>209</v>
      </c>
      <c r="M26" s="55">
        <v>453</v>
      </c>
      <c r="N26" s="55">
        <v>370</v>
      </c>
      <c r="O26" s="55">
        <v>231</v>
      </c>
      <c r="P26" s="56">
        <v>601</v>
      </c>
      <c r="Q26" s="56">
        <v>810</v>
      </c>
      <c r="R26" s="55">
        <v>392</v>
      </c>
      <c r="S26" s="55">
        <v>132</v>
      </c>
      <c r="T26" s="55">
        <v>111</v>
      </c>
      <c r="U26" s="56">
        <v>243</v>
      </c>
      <c r="V26" s="55">
        <v>356</v>
      </c>
      <c r="W26" s="55">
        <v>333</v>
      </c>
      <c r="X26" s="55">
        <v>239</v>
      </c>
      <c r="Y26" s="56">
        <v>572</v>
      </c>
      <c r="Z26" s="56">
        <v>815</v>
      </c>
      <c r="AA26" s="56">
        <v>-5</v>
      </c>
      <c r="AB26" s="56">
        <v>-230</v>
      </c>
      <c r="AC26" s="57">
        <v>185060</v>
      </c>
      <c r="AD26" s="57">
        <v>198631</v>
      </c>
      <c r="AE26" s="57">
        <v>208427</v>
      </c>
      <c r="AF26" s="58">
        <v>407058</v>
      </c>
    </row>
    <row r="27" spans="1:32" ht="20.100000000000001" customHeight="1" x14ac:dyDescent="0.2">
      <c r="A27" s="54">
        <v>10</v>
      </c>
      <c r="B27" s="55">
        <v>124</v>
      </c>
      <c r="C27" s="55">
        <v>112</v>
      </c>
      <c r="D27" s="56">
        <v>236</v>
      </c>
      <c r="E27" s="55">
        <v>254</v>
      </c>
      <c r="F27" s="55">
        <v>246</v>
      </c>
      <c r="G27" s="56">
        <v>500</v>
      </c>
      <c r="H27" s="56">
        <v>-264</v>
      </c>
      <c r="I27" s="55">
        <v>414</v>
      </c>
      <c r="J27" s="55">
        <v>120</v>
      </c>
      <c r="K27" s="55">
        <v>108</v>
      </c>
      <c r="L27" s="56">
        <v>228</v>
      </c>
      <c r="M27" s="55">
        <v>584</v>
      </c>
      <c r="N27" s="55">
        <v>464</v>
      </c>
      <c r="O27" s="55">
        <v>311</v>
      </c>
      <c r="P27" s="56">
        <v>775</v>
      </c>
      <c r="Q27" s="56">
        <v>1003</v>
      </c>
      <c r="R27" s="55">
        <v>467</v>
      </c>
      <c r="S27" s="55">
        <v>171</v>
      </c>
      <c r="T27" s="55">
        <v>121</v>
      </c>
      <c r="U27" s="56">
        <v>292</v>
      </c>
      <c r="V27" s="55">
        <v>387</v>
      </c>
      <c r="W27" s="55">
        <v>382</v>
      </c>
      <c r="X27" s="55">
        <v>223</v>
      </c>
      <c r="Y27" s="56">
        <v>605</v>
      </c>
      <c r="Z27" s="56">
        <v>897</v>
      </c>
      <c r="AA27" s="56">
        <v>106</v>
      </c>
      <c r="AB27" s="56">
        <v>-158</v>
      </c>
      <c r="AC27" s="57">
        <v>185204</v>
      </c>
      <c r="AD27" s="57">
        <v>198532</v>
      </c>
      <c r="AE27" s="57">
        <v>208368</v>
      </c>
      <c r="AF27" s="58">
        <v>406900</v>
      </c>
    </row>
    <row r="28" spans="1:32" ht="20.100000000000001" customHeight="1" x14ac:dyDescent="0.2">
      <c r="A28" s="54">
        <v>11</v>
      </c>
      <c r="B28" s="55">
        <v>100</v>
      </c>
      <c r="C28" s="55">
        <v>85</v>
      </c>
      <c r="D28" s="56">
        <v>185</v>
      </c>
      <c r="E28" s="55">
        <v>211</v>
      </c>
      <c r="F28" s="55">
        <v>231</v>
      </c>
      <c r="G28" s="56">
        <v>442</v>
      </c>
      <c r="H28" s="56">
        <v>-257</v>
      </c>
      <c r="I28" s="55">
        <v>349</v>
      </c>
      <c r="J28" s="55">
        <v>117</v>
      </c>
      <c r="K28" s="55">
        <v>125</v>
      </c>
      <c r="L28" s="56">
        <v>242</v>
      </c>
      <c r="M28" s="55">
        <v>534</v>
      </c>
      <c r="N28" s="55">
        <v>373</v>
      </c>
      <c r="O28" s="55">
        <v>286</v>
      </c>
      <c r="P28" s="56">
        <v>659</v>
      </c>
      <c r="Q28" s="56">
        <v>901</v>
      </c>
      <c r="R28" s="55">
        <v>409</v>
      </c>
      <c r="S28" s="55">
        <v>156</v>
      </c>
      <c r="T28" s="55">
        <v>137</v>
      </c>
      <c r="U28" s="56">
        <v>293</v>
      </c>
      <c r="V28" s="55">
        <v>288</v>
      </c>
      <c r="W28" s="55">
        <v>266</v>
      </c>
      <c r="X28" s="55">
        <v>170</v>
      </c>
      <c r="Y28" s="56">
        <v>436</v>
      </c>
      <c r="Z28" s="56">
        <v>729</v>
      </c>
      <c r="AA28" s="56">
        <v>172</v>
      </c>
      <c r="AB28" s="56">
        <v>-85</v>
      </c>
      <c r="AC28" s="57">
        <v>185390</v>
      </c>
      <c r="AD28" s="57">
        <v>198489</v>
      </c>
      <c r="AE28" s="57">
        <v>208326</v>
      </c>
      <c r="AF28" s="58">
        <v>406815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198</v>
      </c>
      <c r="C30" s="70">
        <v>1125</v>
      </c>
      <c r="D30" s="70">
        <v>2323</v>
      </c>
      <c r="E30" s="70">
        <v>2524</v>
      </c>
      <c r="F30" s="70">
        <v>2637</v>
      </c>
      <c r="G30" s="70">
        <v>5161</v>
      </c>
      <c r="H30" s="70">
        <v>-2838</v>
      </c>
      <c r="I30" s="70">
        <v>4089</v>
      </c>
      <c r="J30" s="70">
        <v>1487</v>
      </c>
      <c r="K30" s="70">
        <v>1429</v>
      </c>
      <c r="L30" s="70">
        <v>2916</v>
      </c>
      <c r="M30" s="70">
        <v>6428</v>
      </c>
      <c r="N30" s="70">
        <v>5265</v>
      </c>
      <c r="O30" s="70">
        <v>3728</v>
      </c>
      <c r="P30" s="70">
        <v>8993</v>
      </c>
      <c r="Q30" s="70">
        <v>11909</v>
      </c>
      <c r="R30" s="70">
        <v>4746</v>
      </c>
      <c r="S30" s="70">
        <v>1686</v>
      </c>
      <c r="T30" s="70">
        <v>1404</v>
      </c>
      <c r="U30" s="70">
        <v>3090</v>
      </c>
      <c r="V30" s="70">
        <v>4417</v>
      </c>
      <c r="W30" s="70">
        <v>4839</v>
      </c>
      <c r="X30" s="70">
        <v>3402</v>
      </c>
      <c r="Y30" s="70">
        <v>8241</v>
      </c>
      <c r="Z30" s="70">
        <v>11331</v>
      </c>
      <c r="AA30" s="70">
        <v>578</v>
      </c>
      <c r="AB30" s="70">
        <v>-2260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2-04T01:48:56Z</dcterms:created>
  <dcterms:modified xsi:type="dcterms:W3CDTF">2023-12-04T01:48:56Z</dcterms:modified>
</cp:coreProperties>
</file>